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308-2024 Tonery\03. Príprava\04. PT\01. Odoslané\"/>
    </mc:Choice>
  </mc:AlternateContent>
  <bookViews>
    <workbookView xWindow="0" yWindow="0" windowWidth="23040" windowHeight="9195"/>
  </bookViews>
  <sheets>
    <sheet name="Špecifikácia predmetu PT" sheetId="8" r:id="rId1"/>
  </sheets>
  <definedNames>
    <definedName name="_xlnm.Print_Area" localSheetId="0">'Špecifikácia predmetu PT'!$A$1:$F$9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9" uniqueCount="123">
  <si>
    <t>Položka č. 1</t>
  </si>
  <si>
    <t>Bežná dostupnosť</t>
  </si>
  <si>
    <t>Nie bežná dostupnosť</t>
  </si>
  <si>
    <t>1. VŠEOBECNÁ ŠPECIFIKÁCIA PREDMETU ZÁKAZKY</t>
  </si>
  <si>
    <t>3.1 Rozdelenie predmetu zákazky</t>
  </si>
  <si>
    <t>1.1 Názov predmetu zákazky:</t>
  </si>
  <si>
    <t>1.2 CPV:</t>
  </si>
  <si>
    <t>1.3 Druh:</t>
  </si>
  <si>
    <t>MJ</t>
  </si>
  <si>
    <t>Názov položky predmetu zákazky</t>
  </si>
  <si>
    <t>1.</t>
  </si>
  <si>
    <t xml:space="preserve">3.1.a)  Rozdelenie na časti: </t>
  </si>
  <si>
    <t>3.1.b)  Zoznam položiek:</t>
  </si>
  <si>
    <t>Poradové číslo</t>
  </si>
  <si>
    <t>3.2 Dostupnosť na trhu:</t>
  </si>
  <si>
    <t>Áno</t>
  </si>
  <si>
    <t>Nie</t>
  </si>
  <si>
    <t>2.  FUNKČNÁ ŠPECIFIKÁCIA PREDMETU ZÁKAZKY</t>
  </si>
  <si>
    <t>3.  ROZDELENIE a DOSTUPNOSŤ PREDMETU ZÁKAZKY</t>
  </si>
  <si>
    <t>4. TECHNICKÁ ŠPECIFIKÁCIA PREDMETU ZÁKAZKY</t>
  </si>
  <si>
    <t>Meno a priezvisko:</t>
  </si>
  <si>
    <t>Pracovná pozícia:</t>
  </si>
  <si>
    <t>Telefónne číslo:</t>
  </si>
  <si>
    <t>E-mail:</t>
  </si>
  <si>
    <t>PREHLÁSENIE</t>
  </si>
  <si>
    <t>V:</t>
  </si>
  <si>
    <t>podpis:</t>
  </si>
  <si>
    <t>Dňa:</t>
  </si>
  <si>
    <t>meno:</t>
  </si>
  <si>
    <t>pracovná pozícia:</t>
  </si>
  <si>
    <t>pečiatka:</t>
  </si>
  <si>
    <t>Sídlo:</t>
  </si>
  <si>
    <t>Dodávateľ:</t>
  </si>
  <si>
    <t>tovar, služba</t>
  </si>
  <si>
    <t>Poznámka:</t>
  </si>
  <si>
    <t>- povinné údaje vyplní uchádzač</t>
  </si>
  <si>
    <t>60000000-8 Dopravné služby (bez prepravy odpadu)</t>
  </si>
  <si>
    <t>Kontaktná osoba predkladateľa PT pre účely overenia si informácií týkajúcich sa technických parametrov ponúkaného produktu:</t>
  </si>
  <si>
    <t>Týmto prehlasujem, že v PT nami uvedené položky v plnom rozsahu spĺňajú funkčnú špecifikáciu (t.j. účel použitia) predmetu zákazky. Zároveň prehlasujem, že v prípade, ak verejný obstarávateľ vyhlási zákazku na uvedený predmet zákazky v súlade s nami ponúkanými hodnotami uvedených položiek, nie sú nám známe žiadne okolnosti, ktoré by nám bránili v účasti v predmetnej zákazky.</t>
  </si>
  <si>
    <t>Požadované minimálne technické vlastnosti, parametre a hodnoty predmetu zákazky</t>
  </si>
  <si>
    <t>Položka č. 2</t>
  </si>
  <si>
    <t>Položka č. 3</t>
  </si>
  <si>
    <t>Položka č. 4</t>
  </si>
  <si>
    <t>Položka č. 5</t>
  </si>
  <si>
    <t>Položka č. 6</t>
  </si>
  <si>
    <t>Položka č. 7</t>
  </si>
  <si>
    <t>Predpokladané množstvo MJ za zmluvné obdobie
12 mesiacov</t>
  </si>
  <si>
    <t>Predpokladané množstvo MJ za zmluvné obdobie
24 mesiacov</t>
  </si>
  <si>
    <t>Originálne tonery do laserových a atramentových tlačiarní a multifunkčných zariadení</t>
  </si>
  <si>
    <t>30125100-2 Tonerové náplne</t>
  </si>
  <si>
    <t>Požadujeme dodávky originálnych tonerov v originálnych obaloch od výrobcov zariadení predmetných značiek /HP, Triumph adler, Epson/, spĺňajúce všetky znaky originálneho balenia daného výrobcu.</t>
  </si>
  <si>
    <t>viď bod 4. TECHNICKÁ ŠPECIFIKÁCIA PREDMETU ZÁKAZKY</t>
  </si>
  <si>
    <t>Položka č. 8</t>
  </si>
  <si>
    <t>Položka č. 9</t>
  </si>
  <si>
    <t>Položka č. 21</t>
  </si>
  <si>
    <t>Položka č. 22</t>
  </si>
  <si>
    <t>Položka č. 23</t>
  </si>
  <si>
    <t>Položka č. 24</t>
  </si>
  <si>
    <t>Položka č. 25</t>
  </si>
  <si>
    <t>Položka č. 26</t>
  </si>
  <si>
    <t>Položka č. 27</t>
  </si>
  <si>
    <t>Položka č. 28</t>
  </si>
  <si>
    <t>Položka č. 29</t>
  </si>
  <si>
    <t>Položka č. 30</t>
  </si>
  <si>
    <t>Položka č. 31</t>
  </si>
  <si>
    <t>Položka č. 32</t>
  </si>
  <si>
    <t>Položka č. 33</t>
  </si>
  <si>
    <t>Položka č. 34</t>
  </si>
  <si>
    <t>Položka č. 35</t>
  </si>
  <si>
    <t>Položka č. 36</t>
  </si>
  <si>
    <t>Položka č. 37</t>
  </si>
  <si>
    <t>Položka č. 20</t>
  </si>
  <si>
    <t>Položka č. 11</t>
  </si>
  <si>
    <t>Položka č. 12</t>
  </si>
  <si>
    <t>Položka č. 13</t>
  </si>
  <si>
    <t>Položka č. 14</t>
  </si>
  <si>
    <t>Položka č. 15</t>
  </si>
  <si>
    <t>Položka č. 16</t>
  </si>
  <si>
    <t>Položka č. 17</t>
  </si>
  <si>
    <t>Položka č. 18</t>
  </si>
  <si>
    <t>Položka č. 19</t>
  </si>
  <si>
    <t>Položka č. 10</t>
  </si>
  <si>
    <t>Originál toner - Optický valec Drum CF 219 A</t>
  </si>
  <si>
    <t>ks</t>
  </si>
  <si>
    <t>Originál toner - Toner CF 217 A</t>
  </si>
  <si>
    <t>Originál toner - Toner HP CC 530 A</t>
  </si>
  <si>
    <t>Originál toner - Toner HP CC 531 A</t>
  </si>
  <si>
    <t>Originál toner - Toner HP CC 532 A</t>
  </si>
  <si>
    <t>Originál toner - Toner HP CC 533 A</t>
  </si>
  <si>
    <t>Originál toner - Toner HP CF 210 X</t>
  </si>
  <si>
    <t>Originál toner - Toner HP CF 211 A</t>
  </si>
  <si>
    <t>Originál toner - Toner HP CF 212 A</t>
  </si>
  <si>
    <t>Originál toner - Toner HP CF 213 A</t>
  </si>
  <si>
    <t>Originál toner - Toner HP  CF 360X</t>
  </si>
  <si>
    <t>Originál toner - Toner HP CF 361 X</t>
  </si>
  <si>
    <t>Originál toner - Toner HP CF 362 X</t>
  </si>
  <si>
    <t>Originál toner - Toner HP CF 363 X</t>
  </si>
  <si>
    <t>Originál toner - Toner HP CF 380 X</t>
  </si>
  <si>
    <t>Originál toner - Toner HP CF 381 A</t>
  </si>
  <si>
    <t>Originál toner - Toner HP CF 382 A</t>
  </si>
  <si>
    <t>Originál toner - Toner HP CF 383 A</t>
  </si>
  <si>
    <t>Originál toner - Toner HP CF 410 X</t>
  </si>
  <si>
    <t>Originál toner - Toner HP CF 411 X</t>
  </si>
  <si>
    <t>Originál toner - Toner HP CF 412 X</t>
  </si>
  <si>
    <t>Originál toner - Toner HP CF 413 X</t>
  </si>
  <si>
    <t>Originál toner - Toner HP Q 6000 A</t>
  </si>
  <si>
    <t>Originál toner - Toner HP Q 6001 A</t>
  </si>
  <si>
    <t>Originál toner - Toner HP Q 6002 A</t>
  </si>
  <si>
    <t>Originál toner - Toner HP Q 6003 A</t>
  </si>
  <si>
    <t>Originál toner - Toner Kyocera TK-5280C Cyan</t>
  </si>
  <si>
    <t>Originál toner - Toner Kyocera TK-5280K Black</t>
  </si>
  <si>
    <t>Originál toner - Toner Kyocera TK-5280M Magenta</t>
  </si>
  <si>
    <t>Originál toner - Toner Kyocera TK-5280Y Yellow</t>
  </si>
  <si>
    <t>Originál toner - Toner Q5949 A</t>
  </si>
  <si>
    <t>Originál toner - Zobrazovací valec HP CF 232 A</t>
  </si>
  <si>
    <t>Originál toner - Toner HP 106A W1106A</t>
  </si>
  <si>
    <t>Originál toner -  Toner Epson 112 EcoTank čierny</t>
  </si>
  <si>
    <t>Originál toner -  Toner Epson 112 EcoTank purpurový</t>
  </si>
  <si>
    <t>Originál toner -  Toner Epson 112 EcoTank žltý</t>
  </si>
  <si>
    <t>Originál toner -  Toner Epson 112 EcoTank azúrový</t>
  </si>
  <si>
    <r>
      <t xml:space="preserve">Požadované minimálne osobitné požiadavky na predmet zákazky a doklady:
</t>
    </r>
    <r>
      <rPr>
        <i/>
        <sz val="10"/>
        <color rgb="FFFF0000"/>
        <rFont val="Arial"/>
        <family val="2"/>
        <charset val="238"/>
      </rPr>
      <t>(uchádzač bude predkladať v ponuke v súťaži, pokiaľ nie je uvedené inak)</t>
    </r>
    <r>
      <rPr>
        <b/>
        <sz val="10"/>
        <color theme="1"/>
        <rFont val="Arial"/>
        <family val="2"/>
        <charset val="238"/>
      </rPr>
      <t xml:space="preserve">
</t>
    </r>
  </si>
  <si>
    <t xml:space="preserve">5. MINIMÁLNE OSOBITNÉ POŽIADAVKY NA PREDMET ZÁKAZKY A DOKLADY </t>
  </si>
  <si>
    <r>
      <rPr>
        <b/>
        <sz val="10"/>
        <color theme="1"/>
        <rFont val="Arial"/>
        <family val="2"/>
        <charset val="238"/>
      </rPr>
      <t>Potvrdenia vydané výrobcom ponúkaných produktov vystavené na uchádzača</t>
    </r>
    <r>
      <rPr>
        <sz val="10"/>
        <color theme="1"/>
        <rFont val="Arial"/>
        <family val="2"/>
        <charset val="238"/>
      </rPr>
      <t>, ktorými uchádzač preukáže, že sú v súlade s normami ISO 14001 a ISO/IEC 1752, 178, alebo 24711  a ISO/IEC 117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i/>
      <sz val="10"/>
      <color rgb="FFFF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23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auto="1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98">
    <xf numFmtId="0" fontId="0" fillId="0" borderId="0" xfId="0"/>
    <xf numFmtId="0" fontId="7" fillId="0" borderId="0" xfId="5" applyFont="1" applyAlignment="1" applyProtection="1">
      <alignment wrapText="1"/>
      <protection locked="0"/>
    </xf>
    <xf numFmtId="0" fontId="7" fillId="0" borderId="0" xfId="5" applyFont="1" applyBorder="1" applyAlignment="1" applyProtection="1">
      <alignment horizontal="center" wrapText="1"/>
      <protection locked="0"/>
    </xf>
    <xf numFmtId="164" fontId="7" fillId="0" borderId="0" xfId="5" applyNumberFormat="1" applyFont="1" applyAlignment="1" applyProtection="1">
      <alignment wrapText="1"/>
      <protection locked="0"/>
    </xf>
    <xf numFmtId="0" fontId="12" fillId="5" borderId="10" xfId="0" applyFont="1" applyFill="1" applyBorder="1" applyAlignment="1" applyProtection="1">
      <alignment wrapText="1"/>
      <protection locked="0"/>
    </xf>
    <xf numFmtId="0" fontId="13" fillId="0" borderId="0" xfId="0" applyFont="1" applyAlignment="1" applyProtection="1">
      <alignment horizontal="left" vertical="center"/>
      <protection locked="0"/>
    </xf>
    <xf numFmtId="0" fontId="14" fillId="0" borderId="0" xfId="6" applyFont="1" applyAlignment="1" applyProtection="1">
      <alignment horizontal="left"/>
      <protection locked="0"/>
    </xf>
    <xf numFmtId="0" fontId="14" fillId="0" borderId="0" xfId="6" applyFont="1" applyAlignment="1" applyProtection="1">
      <alignment horizontal="center"/>
      <protection locked="0"/>
    </xf>
    <xf numFmtId="0" fontId="14" fillId="0" borderId="0" xfId="6" applyFont="1" applyFill="1" applyBorder="1" applyProtection="1">
      <protection locked="0"/>
    </xf>
    <xf numFmtId="164" fontId="14" fillId="0" borderId="0" xfId="6" applyNumberFormat="1" applyFont="1" applyAlignment="1" applyProtection="1">
      <alignment horizontal="right"/>
      <protection locked="0"/>
    </xf>
    <xf numFmtId="0" fontId="14" fillId="0" borderId="0" xfId="6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Fill="1" applyAlignment="1" applyProtection="1">
      <alignment wrapText="1"/>
      <protection locked="0"/>
    </xf>
    <xf numFmtId="0" fontId="7" fillId="2" borderId="5" xfId="5" applyFont="1" applyFill="1" applyBorder="1" applyAlignment="1" applyProtection="1">
      <alignment horizontal="right" vertical="center" wrapText="1"/>
      <protection locked="0"/>
    </xf>
    <xf numFmtId="0" fontId="11" fillId="2" borderId="5" xfId="0" applyNumberFormat="1" applyFont="1" applyFill="1" applyBorder="1" applyAlignment="1" applyProtection="1">
      <alignment horizontal="left" vertical="center" wrapText="1"/>
      <protection locked="0"/>
    </xf>
    <xf numFmtId="0" fontId="7" fillId="2" borderId="5" xfId="0" applyNumberFormat="1" applyFont="1" applyFill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4" fillId="0" borderId="0" xfId="0" applyNumberFormat="1" applyFont="1" applyAlignment="1" applyProtection="1">
      <alignment horizontal="left" vertical="top" wrapText="1"/>
      <protection locked="0"/>
    </xf>
    <xf numFmtId="16" fontId="5" fillId="6" borderId="0" xfId="0" applyNumberFormat="1" applyFont="1" applyFill="1" applyAlignment="1" applyProtection="1">
      <alignment horizontal="left" vertical="top" wrapText="1"/>
      <protection locked="0"/>
    </xf>
    <xf numFmtId="0" fontId="2" fillId="6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vertical="top" wrapText="1"/>
      <protection locked="0"/>
    </xf>
    <xf numFmtId="16" fontId="5" fillId="0" borderId="0" xfId="0" applyNumberFormat="1" applyFont="1" applyFill="1" applyAlignment="1" applyProtection="1">
      <alignment wrapText="1"/>
      <protection locked="0"/>
    </xf>
    <xf numFmtId="16" fontId="9" fillId="0" borderId="0" xfId="0" applyNumberFormat="1" applyFont="1" applyFill="1" applyAlignment="1" applyProtection="1">
      <alignment wrapText="1"/>
      <protection locked="0"/>
    </xf>
    <xf numFmtId="0" fontId="10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Fill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left" vertical="center" wrapText="1"/>
      <protection locked="0"/>
    </xf>
    <xf numFmtId="0" fontId="2" fillId="0" borderId="5" xfId="0" applyFont="1" applyFill="1" applyBorder="1" applyAlignment="1" applyProtection="1">
      <alignment horizontal="center" vertical="center" wrapText="1"/>
      <protection locked="0"/>
    </xf>
    <xf numFmtId="49" fontId="5" fillId="0" borderId="0" xfId="1" applyNumberFormat="1" applyFont="1" applyBorder="1" applyAlignment="1" applyProtection="1">
      <alignment horizontal="left" vertical="top" wrapText="1"/>
      <protection locked="0"/>
    </xf>
    <xf numFmtId="49" fontId="5" fillId="0" borderId="0" xfId="1" applyNumberFormat="1" applyFont="1" applyBorder="1" applyAlignment="1" applyProtection="1">
      <alignment horizontal="center" vertical="top" wrapText="1"/>
      <protection locked="0"/>
    </xf>
    <xf numFmtId="49" fontId="5" fillId="0" borderId="0" xfId="1" applyNumberFormat="1" applyFont="1" applyBorder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7" fillId="0" borderId="0" xfId="5" applyFont="1" applyAlignment="1" applyProtection="1">
      <alignment horizontal="right" vertical="center" wrapText="1"/>
      <protection locked="0"/>
    </xf>
    <xf numFmtId="49" fontId="2" fillId="0" borderId="0" xfId="0" applyNumberFormat="1" applyFont="1" applyFill="1" applyAlignment="1" applyProtection="1">
      <alignment vertical="center" wrapText="1"/>
      <protection locked="0"/>
    </xf>
    <xf numFmtId="49" fontId="7" fillId="0" borderId="0" xfId="5" applyNumberFormat="1" applyFont="1" applyAlignment="1" applyProtection="1">
      <alignment wrapText="1"/>
      <protection locked="0"/>
    </xf>
    <xf numFmtId="49" fontId="2" fillId="0" borderId="0" xfId="0" applyNumberFormat="1" applyFont="1" applyFill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right" wrapText="1"/>
      <protection locked="0"/>
    </xf>
    <xf numFmtId="0" fontId="7" fillId="0" borderId="0" xfId="0" applyNumberFormat="1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/>
      <protection locked="0"/>
    </xf>
    <xf numFmtId="0" fontId="7" fillId="0" borderId="0" xfId="0" applyFont="1" applyAlignment="1" applyProtection="1">
      <alignment wrapText="1"/>
      <protection locked="0"/>
    </xf>
    <xf numFmtId="0" fontId="12" fillId="0" borderId="6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 vertical="center"/>
      <protection locked="0"/>
    </xf>
    <xf numFmtId="0" fontId="7" fillId="0" borderId="0" xfId="0" applyFont="1" applyAlignment="1" applyProtection="1">
      <alignment horizontal="right" vertical="center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3" fontId="4" fillId="6" borderId="5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1" xfId="0" applyFont="1" applyFill="1" applyBorder="1" applyAlignment="1" applyProtection="1">
      <alignment horizontal="left" vertical="center" wrapText="1"/>
      <protection locked="0"/>
    </xf>
    <xf numFmtId="0" fontId="3" fillId="6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12" fillId="0" borderId="0" xfId="0" applyFont="1" applyAlignment="1">
      <alignment wrapText="1"/>
    </xf>
    <xf numFmtId="0" fontId="3" fillId="4" borderId="0" xfId="0" applyFont="1" applyFill="1" applyAlignment="1" applyProtection="1">
      <alignment horizontal="center" vertical="center" wrapText="1"/>
      <protection locked="0"/>
    </xf>
    <xf numFmtId="0" fontId="3" fillId="0" borderId="0" xfId="0" applyFont="1" applyFill="1" applyAlignment="1" applyProtection="1">
      <alignment horizontal="left" vertical="center" wrapText="1"/>
      <protection locked="0"/>
    </xf>
    <xf numFmtId="0" fontId="8" fillId="0" borderId="0" xfId="0" applyFont="1" applyFill="1" applyAlignment="1" applyProtection="1">
      <alignment horizontal="left" vertical="center" wrapText="1"/>
      <protection locked="0"/>
    </xf>
    <xf numFmtId="16" fontId="3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4" fillId="6" borderId="0" xfId="0" applyFont="1" applyFill="1" applyAlignment="1" applyProtection="1">
      <alignment horizontal="left" vertical="top" wrapText="1"/>
      <protection locked="0"/>
    </xf>
    <xf numFmtId="49" fontId="4" fillId="0" borderId="0" xfId="0" applyNumberFormat="1" applyFont="1" applyFill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left" vertical="top" wrapText="1"/>
      <protection locked="0"/>
    </xf>
    <xf numFmtId="0" fontId="6" fillId="0" borderId="0" xfId="4" applyFont="1" applyAlignment="1" applyProtection="1">
      <alignment horizontal="left" vertical="center" wrapText="1"/>
      <protection locked="0"/>
    </xf>
    <xf numFmtId="0" fontId="11" fillId="0" borderId="0" xfId="5" applyFont="1" applyAlignment="1" applyProtection="1">
      <alignment horizontal="center" vertical="center" wrapText="1"/>
      <protection locked="0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13" fillId="0" borderId="0" xfId="0" applyFont="1" applyAlignment="1" applyProtection="1">
      <alignment horizontal="left"/>
      <protection locked="0"/>
    </xf>
    <xf numFmtId="0" fontId="12" fillId="0" borderId="2" xfId="0" applyFont="1" applyBorder="1" applyAlignment="1" applyProtection="1">
      <alignment horizontal="center"/>
      <protection locked="0"/>
    </xf>
    <xf numFmtId="0" fontId="11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2" fillId="0" borderId="0" xfId="0" applyFont="1" applyFill="1" applyAlignment="1" applyProtection="1">
      <alignment horizontal="center" vertical="top" wrapText="1"/>
      <protection locked="0"/>
    </xf>
    <xf numFmtId="49" fontId="2" fillId="0" borderId="0" xfId="0" applyNumberFormat="1" applyFont="1" applyBorder="1" applyAlignment="1">
      <alignment horizontal="center" vertical="center" wrapText="1"/>
    </xf>
    <xf numFmtId="0" fontId="2" fillId="0" borderId="0" xfId="0" applyFont="1" applyBorder="1" applyAlignment="1">
      <alignment horizontal="left" vertical="center" wrapText="1"/>
    </xf>
    <xf numFmtId="49" fontId="2" fillId="0" borderId="0" xfId="0" applyNumberFormat="1" applyFont="1" applyFill="1" applyAlignment="1" applyProtection="1">
      <alignment horizontal="left" vertical="center" wrapText="1"/>
      <protection locked="0"/>
    </xf>
    <xf numFmtId="49" fontId="5" fillId="2" borderId="11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12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13" xfId="0" applyNumberFormat="1" applyFont="1" applyFill="1" applyBorder="1" applyAlignment="1" applyProtection="1">
      <alignment horizontal="center" vertical="center" wrapText="1"/>
      <protection locked="0"/>
    </xf>
    <xf numFmtId="0" fontId="2" fillId="3" borderId="7" xfId="0" applyFont="1" applyFill="1" applyBorder="1" applyAlignment="1" applyProtection="1">
      <alignment horizontal="left" vertical="top" wrapText="1"/>
      <protection locked="0"/>
    </xf>
    <xf numFmtId="0" fontId="2" fillId="3" borderId="14" xfId="0" applyFont="1" applyFill="1" applyBorder="1" applyAlignment="1" applyProtection="1">
      <alignment horizontal="left" vertical="top" wrapText="1"/>
      <protection locked="0"/>
    </xf>
    <xf numFmtId="0" fontId="2" fillId="3" borderId="8" xfId="0" applyFont="1" applyFill="1" applyBorder="1" applyAlignment="1" applyProtection="1">
      <alignment horizontal="center" vertical="top" wrapText="1"/>
      <protection locked="0"/>
    </xf>
    <xf numFmtId="0" fontId="2" fillId="3" borderId="9" xfId="0" applyFont="1" applyFill="1" applyBorder="1" applyAlignment="1" applyProtection="1">
      <alignment horizontal="center" vertical="top" wrapText="1"/>
      <protection locked="0"/>
    </xf>
    <xf numFmtId="0" fontId="2" fillId="0" borderId="3" xfId="0" applyFont="1" applyFill="1" applyBorder="1" applyAlignment="1" applyProtection="1">
      <alignment vertical="center" wrapText="1"/>
      <protection locked="0"/>
    </xf>
    <xf numFmtId="3" fontId="4" fillId="6" borderId="4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15" xfId="0" applyFont="1" applyFill="1" applyBorder="1" applyAlignment="1" applyProtection="1">
      <alignment vertical="center" wrapText="1"/>
      <protection locked="0"/>
    </xf>
    <xf numFmtId="0" fontId="4" fillId="0" borderId="16" xfId="0" applyFont="1" applyFill="1" applyBorder="1" applyAlignment="1" applyProtection="1">
      <alignment horizontal="left" vertical="center" wrapText="1"/>
      <protection locked="0"/>
    </xf>
    <xf numFmtId="0" fontId="2" fillId="0" borderId="17" xfId="0" applyFont="1" applyFill="1" applyBorder="1" applyAlignment="1" applyProtection="1">
      <alignment horizontal="center" vertical="center" wrapText="1"/>
      <protection locked="0"/>
    </xf>
    <xf numFmtId="3" fontId="4" fillId="6" borderId="17" xfId="0" applyNumberFormat="1" applyFont="1" applyFill="1" applyBorder="1" applyAlignment="1" applyProtection="1">
      <alignment horizontal="center" vertical="center" wrapText="1"/>
      <protection locked="0"/>
    </xf>
    <xf numFmtId="3" fontId="4" fillId="6" borderId="18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11" xfId="0" applyNumberFormat="1" applyFont="1" applyFill="1" applyBorder="1" applyAlignment="1" applyProtection="1">
      <alignment horizontal="center" vertical="center" wrapText="1"/>
      <protection locked="0"/>
    </xf>
    <xf numFmtId="49" fontId="3" fillId="2" borderId="19" xfId="0" applyNumberFormat="1" applyFont="1" applyFill="1" applyBorder="1" applyAlignment="1" applyProtection="1">
      <alignment horizontal="left" vertical="top" wrapText="1"/>
      <protection locked="0"/>
    </xf>
    <xf numFmtId="49" fontId="3" fillId="2" borderId="20" xfId="0" applyNumberFormat="1" applyFont="1" applyFill="1" applyBorder="1" applyAlignment="1" applyProtection="1">
      <alignment horizontal="left" vertical="top" wrapText="1"/>
      <protection locked="0"/>
    </xf>
    <xf numFmtId="49" fontId="3" fillId="2" borderId="21" xfId="0" applyNumberFormat="1" applyFont="1" applyFill="1" applyBorder="1" applyAlignment="1" applyProtection="1">
      <alignment horizontal="left" vertical="top" wrapText="1"/>
      <protection locked="0"/>
    </xf>
    <xf numFmtId="0" fontId="2" fillId="6" borderId="22" xfId="0" applyFont="1" applyFill="1" applyBorder="1" applyAlignment="1" applyProtection="1">
      <alignment horizontal="left" vertical="center" wrapText="1"/>
      <protection locked="0"/>
    </xf>
    <xf numFmtId="0" fontId="2" fillId="6" borderId="20" xfId="0" applyFont="1" applyFill="1" applyBorder="1" applyAlignment="1" applyProtection="1">
      <alignment horizontal="left" vertical="center" wrapText="1"/>
      <protection locked="0"/>
    </xf>
    <xf numFmtId="0" fontId="2" fillId="6" borderId="21" xfId="0" applyFont="1" applyFill="1" applyBorder="1" applyAlignment="1" applyProtection="1">
      <alignment horizontal="left" vertical="center" wrapText="1"/>
      <protection locked="0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1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checked="Checked" lockText="1" noThreeD="1"/>
</file>

<file path=xl/ctrlProps/ctrlProp3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1</xdr:row>
          <xdr:rowOff>0</xdr:rowOff>
        </xdr:from>
        <xdr:to>
          <xdr:col>1</xdr:col>
          <xdr:colOff>885825</xdr:colOff>
          <xdr:row>21</xdr:row>
          <xdr:rowOff>219075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2</xdr:row>
          <xdr:rowOff>9525</xdr:rowOff>
        </xdr:from>
        <xdr:to>
          <xdr:col>1</xdr:col>
          <xdr:colOff>885825</xdr:colOff>
          <xdr:row>22</xdr:row>
          <xdr:rowOff>22860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7</xdr:row>
          <xdr:rowOff>9525</xdr:rowOff>
        </xdr:from>
        <xdr:to>
          <xdr:col>1</xdr:col>
          <xdr:colOff>885825</xdr:colOff>
          <xdr:row>27</xdr:row>
          <xdr:rowOff>22860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8</xdr:row>
          <xdr:rowOff>0</xdr:rowOff>
        </xdr:from>
        <xdr:to>
          <xdr:col>1</xdr:col>
          <xdr:colOff>885825</xdr:colOff>
          <xdr:row>29</xdr:row>
          <xdr:rowOff>0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</sheetPr>
  <dimension ref="A1:J108"/>
  <sheetViews>
    <sheetView showGridLines="0" tabSelected="1" zoomScale="90" zoomScaleNormal="90" workbookViewId="0">
      <selection activeCell="B1" sqref="B1:F1"/>
    </sheetView>
  </sheetViews>
  <sheetFormatPr defaultRowHeight="12.75" x14ac:dyDescent="0.2"/>
  <cols>
    <col min="1" max="1" width="5.5703125" style="11" customWidth="1"/>
    <col min="2" max="2" width="21.5703125" style="11" customWidth="1"/>
    <col min="3" max="3" width="36.85546875" style="11" customWidth="1"/>
    <col min="4" max="4" width="36.42578125" style="26" customWidth="1"/>
    <col min="5" max="5" width="16.7109375" style="26" customWidth="1"/>
    <col min="6" max="6" width="19.7109375" style="16" customWidth="1"/>
    <col min="7" max="16384" width="9.140625" style="11"/>
  </cols>
  <sheetData>
    <row r="1" spans="2:6" s="12" customFormat="1" ht="22.5" customHeight="1" x14ac:dyDescent="0.2">
      <c r="B1" s="73"/>
      <c r="C1" s="73"/>
      <c r="D1" s="73"/>
      <c r="E1" s="73"/>
      <c r="F1" s="73"/>
    </row>
    <row r="2" spans="2:6" ht="24.95" customHeight="1" x14ac:dyDescent="0.2">
      <c r="B2" s="13" t="s">
        <v>32</v>
      </c>
      <c r="C2" s="14"/>
      <c r="D2" s="48"/>
      <c r="E2" s="48"/>
      <c r="F2" s="48"/>
    </row>
    <row r="3" spans="2:6" ht="24.95" customHeight="1" x14ac:dyDescent="0.2">
      <c r="B3" s="13" t="s">
        <v>31</v>
      </c>
      <c r="C3" s="15"/>
      <c r="D3" s="48"/>
      <c r="E3" s="48"/>
      <c r="F3" s="48"/>
    </row>
    <row r="4" spans="2:6" ht="15.75" customHeight="1" x14ac:dyDescent="0.2">
      <c r="B4" s="48"/>
      <c r="C4" s="48"/>
      <c r="D4" s="48"/>
      <c r="E4" s="48"/>
      <c r="F4" s="48"/>
    </row>
    <row r="5" spans="2:6" s="16" customFormat="1" ht="20.100000000000001" customHeight="1" x14ac:dyDescent="0.25">
      <c r="B5" s="55" t="s">
        <v>3</v>
      </c>
      <c r="C5" s="55"/>
      <c r="D5" s="55"/>
      <c r="E5" s="55"/>
      <c r="F5" s="55"/>
    </row>
    <row r="6" spans="2:6" s="16" customFormat="1" ht="20.100000000000001" customHeight="1" x14ac:dyDescent="0.25">
      <c r="B6" s="58" t="s">
        <v>5</v>
      </c>
      <c r="C6" s="58"/>
      <c r="D6" s="58"/>
      <c r="E6" s="58"/>
      <c r="F6" s="58"/>
    </row>
    <row r="7" spans="2:6" ht="28.5" customHeight="1" x14ac:dyDescent="0.2">
      <c r="B7" s="59" t="s">
        <v>48</v>
      </c>
      <c r="C7" s="59"/>
      <c r="D7" s="59"/>
      <c r="E7" s="59"/>
      <c r="F7" s="59"/>
    </row>
    <row r="8" spans="2:6" ht="4.5" customHeight="1" x14ac:dyDescent="0.2">
      <c r="B8" s="17"/>
      <c r="C8" s="17"/>
      <c r="D8" s="17"/>
      <c r="E8" s="17"/>
      <c r="F8" s="17"/>
    </row>
    <row r="9" spans="2:6" s="16" customFormat="1" ht="20.100000000000001" customHeight="1" x14ac:dyDescent="0.25">
      <c r="B9" s="60" t="s">
        <v>6</v>
      </c>
      <c r="C9" s="60"/>
      <c r="D9" s="60"/>
      <c r="E9" s="60"/>
      <c r="F9" s="60"/>
    </row>
    <row r="10" spans="2:6" s="16" customFormat="1" ht="20.100000000000001" customHeight="1" x14ac:dyDescent="0.25">
      <c r="B10" s="61" t="s">
        <v>49</v>
      </c>
      <c r="C10" s="61"/>
      <c r="D10" s="61"/>
      <c r="E10" s="53"/>
      <c r="F10" s="53"/>
    </row>
    <row r="11" spans="2:6" s="19" customFormat="1" ht="20.100000000000001" customHeight="1" x14ac:dyDescent="0.25">
      <c r="B11" s="61" t="s">
        <v>36</v>
      </c>
      <c r="C11" s="61"/>
      <c r="D11" s="61"/>
      <c r="E11" s="18"/>
      <c r="F11" s="18"/>
    </row>
    <row r="12" spans="2:6" ht="4.5" customHeight="1" x14ac:dyDescent="0.2">
      <c r="B12" s="49"/>
      <c r="C12" s="49"/>
      <c r="D12" s="49"/>
      <c r="E12" s="17"/>
      <c r="F12" s="17"/>
    </row>
    <row r="13" spans="2:6" ht="20.100000000000001" customHeight="1" x14ac:dyDescent="0.2">
      <c r="B13" s="20" t="s">
        <v>7</v>
      </c>
      <c r="C13" s="21"/>
      <c r="D13" s="21"/>
      <c r="E13" s="22"/>
      <c r="F13" s="22"/>
    </row>
    <row r="14" spans="2:6" s="25" customFormat="1" ht="24.95" customHeight="1" x14ac:dyDescent="0.25">
      <c r="B14" s="65" t="s">
        <v>33</v>
      </c>
      <c r="C14" s="65"/>
      <c r="D14" s="65"/>
      <c r="E14" s="23"/>
      <c r="F14" s="24"/>
    </row>
    <row r="15" spans="2:6" ht="5.0999999999999996" customHeight="1" x14ac:dyDescent="0.2">
      <c r="B15" s="63"/>
      <c r="C15" s="63"/>
      <c r="D15" s="63"/>
      <c r="F15" s="24"/>
    </row>
    <row r="16" spans="2:6" s="16" customFormat="1" ht="20.100000000000001" customHeight="1" x14ac:dyDescent="0.25">
      <c r="B16" s="55" t="s">
        <v>17</v>
      </c>
      <c r="C16" s="55"/>
      <c r="D16" s="55"/>
      <c r="E16" s="55"/>
      <c r="F16" s="55"/>
    </row>
    <row r="17" spans="2:6" ht="33" customHeight="1" x14ac:dyDescent="0.2">
      <c r="B17" s="62" t="s">
        <v>50</v>
      </c>
      <c r="C17" s="62"/>
      <c r="D17" s="62"/>
      <c r="E17" s="62"/>
      <c r="F17" s="62"/>
    </row>
    <row r="18" spans="2:6" ht="5.0999999999999996" customHeight="1" x14ac:dyDescent="0.2">
      <c r="B18" s="63"/>
      <c r="C18" s="63"/>
      <c r="D18" s="63"/>
      <c r="F18" s="27"/>
    </row>
    <row r="19" spans="2:6" s="16" customFormat="1" ht="20.100000000000001" customHeight="1" x14ac:dyDescent="0.25">
      <c r="B19" s="55" t="s">
        <v>18</v>
      </c>
      <c r="C19" s="55"/>
      <c r="D19" s="55"/>
      <c r="E19" s="55"/>
      <c r="F19" s="55"/>
    </row>
    <row r="20" spans="2:6" s="28" customFormat="1" ht="20.100000000000001" customHeight="1" x14ac:dyDescent="0.25">
      <c r="B20" s="64" t="s">
        <v>4</v>
      </c>
      <c r="C20" s="64"/>
      <c r="D20" s="64"/>
      <c r="E20" s="64"/>
      <c r="F20" s="64"/>
    </row>
    <row r="21" spans="2:6" s="28" customFormat="1" ht="20.100000000000001" customHeight="1" x14ac:dyDescent="0.25">
      <c r="B21" s="56" t="s">
        <v>11</v>
      </c>
      <c r="C21" s="57"/>
      <c r="D21" s="46"/>
      <c r="E21" s="46"/>
      <c r="F21" s="46"/>
    </row>
    <row r="22" spans="2:6" s="28" customFormat="1" ht="20.100000000000001" customHeight="1" x14ac:dyDescent="0.25">
      <c r="B22" s="29"/>
      <c r="C22" s="29" t="s">
        <v>15</v>
      </c>
      <c r="D22" s="46"/>
      <c r="E22" s="46"/>
      <c r="F22" s="46"/>
    </row>
    <row r="23" spans="2:6" s="28" customFormat="1" ht="20.100000000000001" customHeight="1" x14ac:dyDescent="0.25">
      <c r="B23" s="29"/>
      <c r="C23" s="29" t="s">
        <v>16</v>
      </c>
      <c r="D23" s="46"/>
      <c r="E23" s="46"/>
      <c r="F23" s="46"/>
    </row>
    <row r="24" spans="2:6" s="28" customFormat="1" ht="20.100000000000001" customHeight="1" x14ac:dyDescent="0.25">
      <c r="B24" s="56" t="s">
        <v>12</v>
      </c>
      <c r="C24" s="57"/>
      <c r="D24" s="46"/>
      <c r="E24" s="46"/>
      <c r="F24" s="46"/>
    </row>
    <row r="25" spans="2:6" s="28" customFormat="1" ht="18" customHeight="1" x14ac:dyDescent="0.25">
      <c r="B25" s="76" t="s">
        <v>51</v>
      </c>
      <c r="C25" s="76"/>
      <c r="D25" s="76"/>
      <c r="E25" s="76"/>
      <c r="F25" s="76"/>
    </row>
    <row r="26" spans="2:6" s="28" customFormat="1" ht="18" customHeight="1" x14ac:dyDescent="0.25">
      <c r="B26" s="46"/>
      <c r="C26" s="46"/>
      <c r="D26" s="46"/>
      <c r="E26" s="46"/>
      <c r="F26" s="46"/>
    </row>
    <row r="27" spans="2:6" s="28" customFormat="1" ht="20.100000000000001" customHeight="1" x14ac:dyDescent="0.25">
      <c r="B27" s="56" t="s">
        <v>14</v>
      </c>
      <c r="C27" s="57"/>
      <c r="D27" s="46"/>
      <c r="E27" s="46"/>
      <c r="F27" s="46"/>
    </row>
    <row r="28" spans="2:6" s="28" customFormat="1" ht="20.100000000000001" customHeight="1" x14ac:dyDescent="0.2">
      <c r="B28" s="12"/>
      <c r="C28" s="28" t="s">
        <v>1</v>
      </c>
      <c r="D28" s="46"/>
      <c r="E28" s="46"/>
      <c r="F28" s="46"/>
    </row>
    <row r="29" spans="2:6" s="28" customFormat="1" ht="20.100000000000001" customHeight="1" x14ac:dyDescent="0.25">
      <c r="B29" s="29"/>
      <c r="C29" s="16" t="s">
        <v>2</v>
      </c>
      <c r="D29" s="46"/>
      <c r="E29" s="46"/>
      <c r="F29" s="46"/>
    </row>
    <row r="30" spans="2:6" ht="5.0999999999999996" customHeight="1" x14ac:dyDescent="0.2"/>
    <row r="31" spans="2:6" s="16" customFormat="1" ht="20.100000000000001" customHeight="1" x14ac:dyDescent="0.25">
      <c r="B31" s="55" t="s">
        <v>19</v>
      </c>
      <c r="C31" s="55"/>
      <c r="D31" s="55"/>
      <c r="E31" s="55"/>
      <c r="F31" s="55"/>
    </row>
    <row r="32" spans="2:6" s="16" customFormat="1" ht="5.0999999999999996" customHeight="1" thickBot="1" x14ac:dyDescent="0.3">
      <c r="B32" s="27"/>
      <c r="D32" s="52"/>
      <c r="E32" s="52"/>
      <c r="F32" s="52"/>
    </row>
    <row r="33" spans="2:6" s="25" customFormat="1" ht="36.75" customHeight="1" thickBot="1" x14ac:dyDescent="0.3">
      <c r="B33" s="77" t="s">
        <v>39</v>
      </c>
      <c r="C33" s="78"/>
      <c r="D33" s="78"/>
      <c r="E33" s="78"/>
      <c r="F33" s="79"/>
    </row>
    <row r="34" spans="2:6" s="28" customFormat="1" ht="53.25" customHeight="1" x14ac:dyDescent="0.25">
      <c r="B34" s="80" t="s">
        <v>13</v>
      </c>
      <c r="C34" s="81" t="s">
        <v>9</v>
      </c>
      <c r="D34" s="82" t="s">
        <v>8</v>
      </c>
      <c r="E34" s="82" t="s">
        <v>46</v>
      </c>
      <c r="F34" s="83" t="s">
        <v>47</v>
      </c>
    </row>
    <row r="35" spans="2:6" s="28" customFormat="1" ht="24.95" customHeight="1" x14ac:dyDescent="0.25">
      <c r="B35" s="84" t="s">
        <v>0</v>
      </c>
      <c r="C35" s="51" t="s">
        <v>82</v>
      </c>
      <c r="D35" s="30" t="s">
        <v>83</v>
      </c>
      <c r="E35" s="50">
        <v>10</v>
      </c>
      <c r="F35" s="85">
        <v>20</v>
      </c>
    </row>
    <row r="36" spans="2:6" s="28" customFormat="1" ht="24.95" customHeight="1" x14ac:dyDescent="0.25">
      <c r="B36" s="84" t="s">
        <v>40</v>
      </c>
      <c r="C36" s="51" t="s">
        <v>84</v>
      </c>
      <c r="D36" s="30" t="s">
        <v>83</v>
      </c>
      <c r="E36" s="50">
        <v>80</v>
      </c>
      <c r="F36" s="85">
        <v>160</v>
      </c>
    </row>
    <row r="37" spans="2:6" s="28" customFormat="1" ht="24.95" customHeight="1" x14ac:dyDescent="0.25">
      <c r="B37" s="84" t="s">
        <v>41</v>
      </c>
      <c r="C37" s="51" t="s">
        <v>85</v>
      </c>
      <c r="D37" s="30" t="s">
        <v>83</v>
      </c>
      <c r="E37" s="50">
        <v>1</v>
      </c>
      <c r="F37" s="85">
        <v>1</v>
      </c>
    </row>
    <row r="38" spans="2:6" s="28" customFormat="1" ht="24.95" customHeight="1" x14ac:dyDescent="0.25">
      <c r="B38" s="84" t="s">
        <v>42</v>
      </c>
      <c r="C38" s="51" t="s">
        <v>86</v>
      </c>
      <c r="D38" s="30" t="s">
        <v>83</v>
      </c>
      <c r="E38" s="50">
        <v>1</v>
      </c>
      <c r="F38" s="85">
        <v>1</v>
      </c>
    </row>
    <row r="39" spans="2:6" s="28" customFormat="1" ht="24.95" customHeight="1" x14ac:dyDescent="0.25">
      <c r="B39" s="84" t="s">
        <v>43</v>
      </c>
      <c r="C39" s="51" t="s">
        <v>87</v>
      </c>
      <c r="D39" s="30" t="s">
        <v>83</v>
      </c>
      <c r="E39" s="50">
        <v>1</v>
      </c>
      <c r="F39" s="85">
        <v>1</v>
      </c>
    </row>
    <row r="40" spans="2:6" s="28" customFormat="1" ht="24.95" customHeight="1" x14ac:dyDescent="0.25">
      <c r="B40" s="84" t="s">
        <v>44</v>
      </c>
      <c r="C40" s="51" t="s">
        <v>88</v>
      </c>
      <c r="D40" s="30" t="s">
        <v>83</v>
      </c>
      <c r="E40" s="50">
        <v>1</v>
      </c>
      <c r="F40" s="85">
        <v>1</v>
      </c>
    </row>
    <row r="41" spans="2:6" s="28" customFormat="1" ht="24.95" customHeight="1" x14ac:dyDescent="0.25">
      <c r="B41" s="84" t="s">
        <v>45</v>
      </c>
      <c r="C41" s="51" t="s">
        <v>89</v>
      </c>
      <c r="D41" s="30" t="s">
        <v>83</v>
      </c>
      <c r="E41" s="50">
        <v>5</v>
      </c>
      <c r="F41" s="85">
        <v>10</v>
      </c>
    </row>
    <row r="42" spans="2:6" s="28" customFormat="1" ht="24.95" customHeight="1" x14ac:dyDescent="0.25">
      <c r="B42" s="84" t="s">
        <v>52</v>
      </c>
      <c r="C42" s="51" t="s">
        <v>90</v>
      </c>
      <c r="D42" s="30" t="s">
        <v>83</v>
      </c>
      <c r="E42" s="50">
        <v>4</v>
      </c>
      <c r="F42" s="85">
        <v>8</v>
      </c>
    </row>
    <row r="43" spans="2:6" s="28" customFormat="1" ht="24.95" customHeight="1" x14ac:dyDescent="0.25">
      <c r="B43" s="84" t="s">
        <v>53</v>
      </c>
      <c r="C43" s="51" t="s">
        <v>91</v>
      </c>
      <c r="D43" s="30" t="s">
        <v>83</v>
      </c>
      <c r="E43" s="50">
        <v>4</v>
      </c>
      <c r="F43" s="85">
        <v>8</v>
      </c>
    </row>
    <row r="44" spans="2:6" s="28" customFormat="1" ht="24.95" customHeight="1" x14ac:dyDescent="0.25">
      <c r="B44" s="84" t="s">
        <v>81</v>
      </c>
      <c r="C44" s="51" t="s">
        <v>92</v>
      </c>
      <c r="D44" s="30" t="s">
        <v>83</v>
      </c>
      <c r="E44" s="50">
        <v>4</v>
      </c>
      <c r="F44" s="85">
        <v>8</v>
      </c>
    </row>
    <row r="45" spans="2:6" s="28" customFormat="1" ht="24.95" customHeight="1" x14ac:dyDescent="0.25">
      <c r="B45" s="84" t="s">
        <v>72</v>
      </c>
      <c r="C45" s="51" t="s">
        <v>93</v>
      </c>
      <c r="D45" s="30" t="s">
        <v>83</v>
      </c>
      <c r="E45" s="50">
        <v>1</v>
      </c>
      <c r="F45" s="85">
        <v>1</v>
      </c>
    </row>
    <row r="46" spans="2:6" s="28" customFormat="1" ht="24.95" customHeight="1" x14ac:dyDescent="0.25">
      <c r="B46" s="84" t="s">
        <v>73</v>
      </c>
      <c r="C46" s="51" t="s">
        <v>94</v>
      </c>
      <c r="D46" s="30" t="s">
        <v>83</v>
      </c>
      <c r="E46" s="50">
        <v>1</v>
      </c>
      <c r="F46" s="85">
        <v>1</v>
      </c>
    </row>
    <row r="47" spans="2:6" s="28" customFormat="1" ht="24.95" customHeight="1" x14ac:dyDescent="0.25">
      <c r="B47" s="84" t="s">
        <v>74</v>
      </c>
      <c r="C47" s="51" t="s">
        <v>95</v>
      </c>
      <c r="D47" s="30" t="s">
        <v>83</v>
      </c>
      <c r="E47" s="50">
        <v>1</v>
      </c>
      <c r="F47" s="85">
        <v>1</v>
      </c>
    </row>
    <row r="48" spans="2:6" s="28" customFormat="1" ht="24.95" customHeight="1" x14ac:dyDescent="0.25">
      <c r="B48" s="84" t="s">
        <v>75</v>
      </c>
      <c r="C48" s="51" t="s">
        <v>96</v>
      </c>
      <c r="D48" s="30" t="s">
        <v>83</v>
      </c>
      <c r="E48" s="50">
        <v>1</v>
      </c>
      <c r="F48" s="85">
        <v>1</v>
      </c>
    </row>
    <row r="49" spans="2:6" s="28" customFormat="1" ht="24.95" customHeight="1" x14ac:dyDescent="0.25">
      <c r="B49" s="84" t="s">
        <v>76</v>
      </c>
      <c r="C49" s="51" t="s">
        <v>97</v>
      </c>
      <c r="D49" s="30" t="s">
        <v>83</v>
      </c>
      <c r="E49" s="50">
        <v>3</v>
      </c>
      <c r="F49" s="85">
        <v>6</v>
      </c>
    </row>
    <row r="50" spans="2:6" s="28" customFormat="1" ht="24.95" customHeight="1" x14ac:dyDescent="0.25">
      <c r="B50" s="84" t="s">
        <v>77</v>
      </c>
      <c r="C50" s="51" t="s">
        <v>98</v>
      </c>
      <c r="D50" s="30" t="s">
        <v>83</v>
      </c>
      <c r="E50" s="50">
        <v>3</v>
      </c>
      <c r="F50" s="85">
        <v>6</v>
      </c>
    </row>
    <row r="51" spans="2:6" s="28" customFormat="1" ht="24.95" customHeight="1" x14ac:dyDescent="0.25">
      <c r="B51" s="84" t="s">
        <v>78</v>
      </c>
      <c r="C51" s="51" t="s">
        <v>99</v>
      </c>
      <c r="D51" s="30" t="s">
        <v>83</v>
      </c>
      <c r="E51" s="50">
        <v>3</v>
      </c>
      <c r="F51" s="85">
        <v>6</v>
      </c>
    </row>
    <row r="52" spans="2:6" s="28" customFormat="1" ht="24.95" customHeight="1" x14ac:dyDescent="0.25">
      <c r="B52" s="84" t="s">
        <v>79</v>
      </c>
      <c r="C52" s="51" t="s">
        <v>100</v>
      </c>
      <c r="D52" s="30" t="s">
        <v>83</v>
      </c>
      <c r="E52" s="50">
        <v>3</v>
      </c>
      <c r="F52" s="85">
        <v>6</v>
      </c>
    </row>
    <row r="53" spans="2:6" s="28" customFormat="1" ht="24.95" customHeight="1" x14ac:dyDescent="0.25">
      <c r="B53" s="84" t="s">
        <v>80</v>
      </c>
      <c r="C53" s="51" t="s">
        <v>101</v>
      </c>
      <c r="D53" s="30" t="s">
        <v>83</v>
      </c>
      <c r="E53" s="50">
        <v>1</v>
      </c>
      <c r="F53" s="85">
        <v>1</v>
      </c>
    </row>
    <row r="54" spans="2:6" s="28" customFormat="1" ht="24.95" customHeight="1" x14ac:dyDescent="0.25">
      <c r="B54" s="84" t="s">
        <v>71</v>
      </c>
      <c r="C54" s="51" t="s">
        <v>102</v>
      </c>
      <c r="D54" s="30" t="s">
        <v>83</v>
      </c>
      <c r="E54" s="50">
        <v>1</v>
      </c>
      <c r="F54" s="85">
        <v>1</v>
      </c>
    </row>
    <row r="55" spans="2:6" s="28" customFormat="1" ht="24.95" customHeight="1" x14ac:dyDescent="0.25">
      <c r="B55" s="84" t="s">
        <v>54</v>
      </c>
      <c r="C55" s="51" t="s">
        <v>103</v>
      </c>
      <c r="D55" s="30" t="s">
        <v>83</v>
      </c>
      <c r="E55" s="50">
        <v>1</v>
      </c>
      <c r="F55" s="85">
        <v>1</v>
      </c>
    </row>
    <row r="56" spans="2:6" s="28" customFormat="1" ht="24.95" customHeight="1" x14ac:dyDescent="0.25">
      <c r="B56" s="84" t="s">
        <v>55</v>
      </c>
      <c r="C56" s="51" t="s">
        <v>104</v>
      </c>
      <c r="D56" s="30" t="s">
        <v>83</v>
      </c>
      <c r="E56" s="50">
        <v>1</v>
      </c>
      <c r="F56" s="85">
        <v>1</v>
      </c>
    </row>
    <row r="57" spans="2:6" s="28" customFormat="1" ht="24.95" customHeight="1" x14ac:dyDescent="0.25">
      <c r="B57" s="84" t="s">
        <v>56</v>
      </c>
      <c r="C57" s="51" t="s">
        <v>105</v>
      </c>
      <c r="D57" s="30" t="s">
        <v>83</v>
      </c>
      <c r="E57" s="50">
        <v>2</v>
      </c>
      <c r="F57" s="85">
        <v>4</v>
      </c>
    </row>
    <row r="58" spans="2:6" s="28" customFormat="1" ht="24.95" customHeight="1" x14ac:dyDescent="0.25">
      <c r="B58" s="84" t="s">
        <v>57</v>
      </c>
      <c r="C58" s="51" t="s">
        <v>106</v>
      </c>
      <c r="D58" s="30" t="s">
        <v>83</v>
      </c>
      <c r="E58" s="50">
        <v>2</v>
      </c>
      <c r="F58" s="85">
        <v>4</v>
      </c>
    </row>
    <row r="59" spans="2:6" s="28" customFormat="1" ht="24.95" customHeight="1" x14ac:dyDescent="0.25">
      <c r="B59" s="84" t="s">
        <v>58</v>
      </c>
      <c r="C59" s="51" t="s">
        <v>107</v>
      </c>
      <c r="D59" s="30" t="s">
        <v>83</v>
      </c>
      <c r="E59" s="50">
        <v>2</v>
      </c>
      <c r="F59" s="85">
        <v>4</v>
      </c>
    </row>
    <row r="60" spans="2:6" s="28" customFormat="1" ht="24.95" customHeight="1" x14ac:dyDescent="0.25">
      <c r="B60" s="84" t="s">
        <v>59</v>
      </c>
      <c r="C60" s="51" t="s">
        <v>108</v>
      </c>
      <c r="D60" s="30" t="s">
        <v>83</v>
      </c>
      <c r="E60" s="50">
        <v>2</v>
      </c>
      <c r="F60" s="85">
        <v>4</v>
      </c>
    </row>
    <row r="61" spans="2:6" s="28" customFormat="1" ht="24.95" customHeight="1" x14ac:dyDescent="0.25">
      <c r="B61" s="84" t="s">
        <v>60</v>
      </c>
      <c r="C61" s="51" t="s">
        <v>109</v>
      </c>
      <c r="D61" s="30" t="s">
        <v>83</v>
      </c>
      <c r="E61" s="50">
        <v>20</v>
      </c>
      <c r="F61" s="85">
        <v>40</v>
      </c>
    </row>
    <row r="62" spans="2:6" s="28" customFormat="1" ht="24.95" customHeight="1" x14ac:dyDescent="0.25">
      <c r="B62" s="84" t="s">
        <v>61</v>
      </c>
      <c r="C62" s="51" t="s">
        <v>110</v>
      </c>
      <c r="D62" s="30" t="s">
        <v>83</v>
      </c>
      <c r="E62" s="50">
        <v>24</v>
      </c>
      <c r="F62" s="85">
        <v>48</v>
      </c>
    </row>
    <row r="63" spans="2:6" s="28" customFormat="1" ht="24.95" customHeight="1" x14ac:dyDescent="0.25">
      <c r="B63" s="84" t="s">
        <v>62</v>
      </c>
      <c r="C63" s="51" t="s">
        <v>111</v>
      </c>
      <c r="D63" s="30" t="s">
        <v>83</v>
      </c>
      <c r="E63" s="50">
        <v>20</v>
      </c>
      <c r="F63" s="85">
        <v>40</v>
      </c>
    </row>
    <row r="64" spans="2:6" s="28" customFormat="1" ht="24.95" customHeight="1" x14ac:dyDescent="0.25">
      <c r="B64" s="84" t="s">
        <v>63</v>
      </c>
      <c r="C64" s="51" t="s">
        <v>112</v>
      </c>
      <c r="D64" s="30" t="s">
        <v>83</v>
      </c>
      <c r="E64" s="50">
        <v>20</v>
      </c>
      <c r="F64" s="85">
        <v>40</v>
      </c>
    </row>
    <row r="65" spans="1:7" s="28" customFormat="1" ht="24.95" customHeight="1" x14ac:dyDescent="0.25">
      <c r="B65" s="84" t="s">
        <v>64</v>
      </c>
      <c r="C65" s="51" t="s">
        <v>113</v>
      </c>
      <c r="D65" s="30" t="s">
        <v>83</v>
      </c>
      <c r="E65" s="50">
        <v>2</v>
      </c>
      <c r="F65" s="85">
        <v>4</v>
      </c>
    </row>
    <row r="66" spans="1:7" s="28" customFormat="1" ht="24.95" customHeight="1" x14ac:dyDescent="0.25">
      <c r="B66" s="84" t="s">
        <v>65</v>
      </c>
      <c r="C66" s="51" t="s">
        <v>114</v>
      </c>
      <c r="D66" s="30" t="s">
        <v>83</v>
      </c>
      <c r="E66" s="50">
        <v>8</v>
      </c>
      <c r="F66" s="85">
        <v>16</v>
      </c>
    </row>
    <row r="67" spans="1:7" s="28" customFormat="1" ht="24.95" customHeight="1" x14ac:dyDescent="0.25">
      <c r="B67" s="84" t="s">
        <v>66</v>
      </c>
      <c r="C67" s="51" t="s">
        <v>115</v>
      </c>
      <c r="D67" s="30" t="s">
        <v>83</v>
      </c>
      <c r="E67" s="50">
        <v>7</v>
      </c>
      <c r="F67" s="85">
        <v>14</v>
      </c>
    </row>
    <row r="68" spans="1:7" s="28" customFormat="1" ht="24.95" customHeight="1" x14ac:dyDescent="0.25">
      <c r="B68" s="84" t="s">
        <v>67</v>
      </c>
      <c r="C68" s="51" t="s">
        <v>116</v>
      </c>
      <c r="D68" s="30" t="s">
        <v>83</v>
      </c>
      <c r="E68" s="50">
        <v>10</v>
      </c>
      <c r="F68" s="85">
        <v>20</v>
      </c>
    </row>
    <row r="69" spans="1:7" s="28" customFormat="1" ht="24.95" customHeight="1" x14ac:dyDescent="0.25">
      <c r="B69" s="84" t="s">
        <v>68</v>
      </c>
      <c r="C69" s="51" t="s">
        <v>117</v>
      </c>
      <c r="D69" s="30" t="s">
        <v>83</v>
      </c>
      <c r="E69" s="50">
        <v>7</v>
      </c>
      <c r="F69" s="85">
        <v>12</v>
      </c>
    </row>
    <row r="70" spans="1:7" s="28" customFormat="1" ht="24.95" customHeight="1" x14ac:dyDescent="0.25">
      <c r="B70" s="84" t="s">
        <v>69</v>
      </c>
      <c r="C70" s="51" t="s">
        <v>118</v>
      </c>
      <c r="D70" s="30" t="s">
        <v>83</v>
      </c>
      <c r="E70" s="50">
        <v>7</v>
      </c>
      <c r="F70" s="85">
        <v>14</v>
      </c>
    </row>
    <row r="71" spans="1:7" s="28" customFormat="1" ht="24.95" customHeight="1" thickBot="1" x14ac:dyDescent="0.3">
      <c r="B71" s="86" t="s">
        <v>70</v>
      </c>
      <c r="C71" s="87" t="s">
        <v>119</v>
      </c>
      <c r="D71" s="88" t="s">
        <v>83</v>
      </c>
      <c r="E71" s="89">
        <v>7</v>
      </c>
      <c r="F71" s="90">
        <v>14</v>
      </c>
    </row>
    <row r="72" spans="1:7" s="54" customFormat="1" ht="23.25" customHeight="1" x14ac:dyDescent="0.25">
      <c r="A72" s="74"/>
      <c r="B72" s="75"/>
      <c r="C72" s="75"/>
      <c r="D72" s="75"/>
      <c r="E72" s="75"/>
      <c r="F72" s="75"/>
    </row>
    <row r="73" spans="1:7" s="16" customFormat="1" ht="18.75" customHeight="1" x14ac:dyDescent="0.25">
      <c r="B73" s="55" t="s">
        <v>121</v>
      </c>
      <c r="C73" s="55"/>
      <c r="D73" s="55"/>
      <c r="E73" s="55"/>
      <c r="F73" s="55"/>
    </row>
    <row r="74" spans="1:7" s="16" customFormat="1" ht="4.5" customHeight="1" thickBot="1" x14ac:dyDescent="0.3"/>
    <row r="75" spans="1:7" s="16" customFormat="1" ht="34.5" customHeight="1" thickBot="1" x14ac:dyDescent="0.3">
      <c r="B75" s="92" t="s">
        <v>120</v>
      </c>
      <c r="C75" s="93"/>
      <c r="D75" s="93"/>
      <c r="E75" s="93"/>
      <c r="F75" s="94"/>
    </row>
    <row r="76" spans="1:7" s="25" customFormat="1" ht="32.25" customHeight="1" thickBot="1" x14ac:dyDescent="0.3">
      <c r="B76" s="91" t="s">
        <v>10</v>
      </c>
      <c r="C76" s="95" t="s">
        <v>122</v>
      </c>
      <c r="D76" s="96"/>
      <c r="E76" s="96"/>
      <c r="F76" s="97"/>
      <c r="G76" s="16"/>
    </row>
    <row r="77" spans="1:7" s="25" customFormat="1" ht="18.75" customHeight="1" x14ac:dyDescent="0.25">
      <c r="B77" s="31"/>
      <c r="C77" s="31"/>
      <c r="D77" s="32"/>
      <c r="E77" s="32"/>
      <c r="F77" s="33"/>
    </row>
    <row r="78" spans="1:7" s="34" customFormat="1" ht="30" customHeight="1" x14ac:dyDescent="0.25">
      <c r="B78" s="66" t="s">
        <v>37</v>
      </c>
      <c r="C78" s="66"/>
      <c r="D78" s="66"/>
      <c r="E78" s="66"/>
      <c r="F78" s="25"/>
    </row>
    <row r="79" spans="1:7" s="16" customFormat="1" ht="24.95" customHeight="1" x14ac:dyDescent="0.25">
      <c r="B79" s="35" t="s">
        <v>20</v>
      </c>
      <c r="C79" s="68"/>
      <c r="D79" s="68"/>
      <c r="F79" s="34"/>
    </row>
    <row r="80" spans="1:7" s="16" customFormat="1" ht="24.95" customHeight="1" x14ac:dyDescent="0.25">
      <c r="B80" s="35" t="s">
        <v>21</v>
      </c>
      <c r="C80" s="68"/>
      <c r="D80" s="68"/>
      <c r="F80" s="34"/>
    </row>
    <row r="81" spans="1:10" s="16" customFormat="1" ht="24.95" customHeight="1" x14ac:dyDescent="0.25">
      <c r="B81" s="35" t="s">
        <v>22</v>
      </c>
      <c r="C81" s="68"/>
      <c r="D81" s="68"/>
      <c r="F81" s="34"/>
    </row>
    <row r="82" spans="1:10" s="25" customFormat="1" ht="24.95" customHeight="1" x14ac:dyDescent="0.25">
      <c r="B82" s="35" t="s">
        <v>23</v>
      </c>
      <c r="C82" s="68"/>
      <c r="D82" s="68"/>
      <c r="E82" s="16"/>
      <c r="F82" s="36"/>
    </row>
    <row r="83" spans="1:10" s="16" customFormat="1" ht="14.25" customHeight="1" x14ac:dyDescent="0.2">
      <c r="B83" s="37"/>
      <c r="C83" s="1"/>
      <c r="D83" s="1"/>
      <c r="F83" s="38"/>
    </row>
    <row r="84" spans="1:10" s="25" customFormat="1" ht="15" customHeight="1" x14ac:dyDescent="0.25">
      <c r="B84" s="67" t="s">
        <v>24</v>
      </c>
      <c r="C84" s="67"/>
      <c r="D84" s="67"/>
      <c r="E84" s="67"/>
      <c r="F84" s="67"/>
    </row>
    <row r="85" spans="1:10" s="16" customFormat="1" ht="36.75" customHeight="1" x14ac:dyDescent="0.25">
      <c r="B85" s="72" t="s">
        <v>38</v>
      </c>
      <c r="C85" s="72"/>
      <c r="D85" s="72"/>
      <c r="E85" s="72"/>
      <c r="F85" s="72"/>
    </row>
    <row r="86" spans="1:10" s="16" customFormat="1" ht="20.100000000000001" customHeight="1" x14ac:dyDescent="0.2">
      <c r="B86" s="11"/>
      <c r="C86" s="11"/>
      <c r="D86" s="26"/>
      <c r="E86" s="26"/>
    </row>
    <row r="87" spans="1:10" s="25" customFormat="1" ht="4.5" customHeight="1" x14ac:dyDescent="0.2">
      <c r="B87" s="11"/>
      <c r="C87" s="11"/>
      <c r="D87" s="26"/>
      <c r="E87" s="26"/>
      <c r="F87" s="16"/>
    </row>
    <row r="88" spans="1:10" s="25" customFormat="1" ht="20.100000000000001" customHeight="1" x14ac:dyDescent="0.25">
      <c r="B88" s="39" t="s">
        <v>25</v>
      </c>
      <c r="C88" s="40"/>
      <c r="D88" s="41" t="s">
        <v>26</v>
      </c>
      <c r="E88" s="70"/>
      <c r="F88" s="70"/>
    </row>
    <row r="89" spans="1:10" s="25" customFormat="1" ht="20.100000000000001" customHeight="1" x14ac:dyDescent="0.25">
      <c r="B89" s="42"/>
      <c r="C89" s="42"/>
      <c r="D89" s="42"/>
      <c r="E89" s="43"/>
      <c r="F89" s="43"/>
    </row>
    <row r="90" spans="1:10" ht="20.100000000000001" customHeight="1" x14ac:dyDescent="0.2">
      <c r="B90" s="39" t="s">
        <v>27</v>
      </c>
      <c r="C90" s="40"/>
      <c r="D90" s="44" t="s">
        <v>28</v>
      </c>
      <c r="E90" s="71"/>
      <c r="F90" s="71"/>
    </row>
    <row r="91" spans="1:10" s="16" customFormat="1" ht="20.100000000000001" customHeight="1" x14ac:dyDescent="0.2">
      <c r="B91" s="11"/>
      <c r="C91" s="11"/>
      <c r="D91" s="44" t="s">
        <v>29</v>
      </c>
      <c r="E91" s="68"/>
      <c r="F91" s="68"/>
    </row>
    <row r="92" spans="1:10" s="16" customFormat="1" ht="20.100000000000001" customHeight="1" x14ac:dyDescent="0.2">
      <c r="B92" s="11"/>
      <c r="C92" s="11"/>
      <c r="D92" s="45" t="s">
        <v>30</v>
      </c>
      <c r="E92" s="11"/>
    </row>
    <row r="93" spans="1:10" s="1" customFormat="1" ht="12" x14ac:dyDescent="0.2">
      <c r="A93" s="69" t="s">
        <v>34</v>
      </c>
      <c r="B93" s="69"/>
      <c r="D93" s="47"/>
      <c r="E93" s="47"/>
      <c r="F93" s="2"/>
      <c r="G93" s="2"/>
      <c r="H93" s="3"/>
      <c r="J93" s="3"/>
    </row>
    <row r="94" spans="1:10" s="10" customFormat="1" ht="15" x14ac:dyDescent="0.25">
      <c r="A94" s="4"/>
      <c r="B94" s="5" t="s">
        <v>35</v>
      </c>
      <c r="C94" s="6"/>
      <c r="D94" s="7"/>
      <c r="E94" s="7"/>
      <c r="F94" s="8"/>
      <c r="G94" s="8"/>
      <c r="H94" s="9"/>
      <c r="J94" s="9"/>
    </row>
    <row r="95" spans="1:10" s="16" customFormat="1" ht="24" customHeight="1" x14ac:dyDescent="0.25"/>
    <row r="96" spans="1:10" s="16" customFormat="1" ht="24" customHeight="1" x14ac:dyDescent="0.25"/>
    <row r="97" spans="2:5" s="16" customFormat="1" ht="24" customHeight="1" x14ac:dyDescent="0.25"/>
    <row r="98" spans="2:5" s="16" customFormat="1" ht="20.100000000000001" customHeight="1" x14ac:dyDescent="0.25"/>
    <row r="99" spans="2:5" s="16" customFormat="1" ht="20.100000000000001" customHeight="1" x14ac:dyDescent="0.25"/>
    <row r="100" spans="2:5" s="16" customFormat="1" ht="50.1" customHeight="1" x14ac:dyDescent="0.25"/>
    <row r="101" spans="2:5" s="16" customFormat="1" ht="43.5" customHeight="1" x14ac:dyDescent="0.25"/>
    <row r="102" spans="2:5" ht="24.75" customHeight="1" x14ac:dyDescent="0.2">
      <c r="B102" s="16"/>
      <c r="C102" s="16"/>
      <c r="D102" s="16"/>
      <c r="E102" s="16"/>
    </row>
    <row r="103" spans="2:5" x14ac:dyDescent="0.2">
      <c r="B103" s="16"/>
      <c r="C103" s="16"/>
      <c r="D103" s="16"/>
      <c r="E103" s="16"/>
    </row>
    <row r="104" spans="2:5" ht="20.100000000000001" customHeight="1" x14ac:dyDescent="0.2"/>
    <row r="105" spans="2:5" ht="4.5" customHeight="1" x14ac:dyDescent="0.2"/>
    <row r="106" spans="2:5" ht="20.100000000000001" customHeight="1" x14ac:dyDescent="0.2"/>
    <row r="107" spans="2:5" ht="20.100000000000001" customHeight="1" x14ac:dyDescent="0.2"/>
    <row r="108" spans="2:5" ht="20.100000000000001" customHeight="1" x14ac:dyDescent="0.2"/>
  </sheetData>
  <sheetProtection formatCells="0" formatColumns="0" formatRows="0" insertColumns="0" insertRows="0" insertHyperlinks="0" deleteColumns="0" deleteRows="0" selectLockedCells="1" sort="0" autoFilter="0" pivotTables="0"/>
  <mergeCells count="34">
    <mergeCell ref="B1:F1"/>
    <mergeCell ref="B5:F5"/>
    <mergeCell ref="B16:F16"/>
    <mergeCell ref="B21:C21"/>
    <mergeCell ref="B25:F25"/>
    <mergeCell ref="A93:B93"/>
    <mergeCell ref="E88:F88"/>
    <mergeCell ref="E90:F90"/>
    <mergeCell ref="E91:F91"/>
    <mergeCell ref="B85:F85"/>
    <mergeCell ref="B78:E78"/>
    <mergeCell ref="B84:F84"/>
    <mergeCell ref="C79:D79"/>
    <mergeCell ref="C80:D80"/>
    <mergeCell ref="C81:D81"/>
    <mergeCell ref="C82:D82"/>
    <mergeCell ref="B31:F31"/>
    <mergeCell ref="B27:C27"/>
    <mergeCell ref="B6:F6"/>
    <mergeCell ref="B7:F7"/>
    <mergeCell ref="B9:F9"/>
    <mergeCell ref="B10:D10"/>
    <mergeCell ref="B24:C24"/>
    <mergeCell ref="B11:D11"/>
    <mergeCell ref="B17:F17"/>
    <mergeCell ref="B18:D18"/>
    <mergeCell ref="B20:F20"/>
    <mergeCell ref="B14:D14"/>
    <mergeCell ref="B15:D15"/>
    <mergeCell ref="B19:F19"/>
    <mergeCell ref="B73:F73"/>
    <mergeCell ref="B75:F75"/>
    <mergeCell ref="C76:F76"/>
    <mergeCell ref="B33:F33"/>
  </mergeCells>
  <conditionalFormatting sqref="E90:F90">
    <cfRule type="containsBlanks" dxfId="9" priority="455">
      <formula>LEN(TRIM(E90))=0</formula>
    </cfRule>
  </conditionalFormatting>
  <conditionalFormatting sqref="C88">
    <cfRule type="containsBlanks" dxfId="8" priority="453">
      <formula>LEN(TRIM(C88))=0</formula>
    </cfRule>
  </conditionalFormatting>
  <conditionalFormatting sqref="E91:F91">
    <cfRule type="containsBlanks" dxfId="7" priority="454">
      <formula>LEN(TRIM(E91))=0</formula>
    </cfRule>
  </conditionalFormatting>
  <conditionalFormatting sqref="C90">
    <cfRule type="containsBlanks" dxfId="6" priority="452">
      <formula>LEN(TRIM(C90))=0</formula>
    </cfRule>
  </conditionalFormatting>
  <conditionalFormatting sqref="C2:C3">
    <cfRule type="containsBlanks" dxfId="5" priority="451">
      <formula>LEN(TRIM(C2))=0</formula>
    </cfRule>
  </conditionalFormatting>
  <conditionalFormatting sqref="C81:D81">
    <cfRule type="containsBlanks" dxfId="4" priority="441">
      <formula>LEN(TRIM(C81))=0</formula>
    </cfRule>
  </conditionalFormatting>
  <conditionalFormatting sqref="C80:D80">
    <cfRule type="containsBlanks" dxfId="3" priority="392">
      <formula>LEN(TRIM(C80))=0</formula>
    </cfRule>
  </conditionalFormatting>
  <conditionalFormatting sqref="C79:D79">
    <cfRule type="containsBlanks" dxfId="2" priority="391">
      <formula>LEN(TRIM(C79))=0</formula>
    </cfRule>
  </conditionalFormatting>
  <conditionalFormatting sqref="C82:D82">
    <cfRule type="containsBlanks" dxfId="1" priority="390">
      <formula>LEN(TRIM(C82))=0</formula>
    </cfRule>
  </conditionalFormatting>
  <printOptions horizontalCentered="1"/>
  <pageMargins left="0.70866141732283472" right="0.70866141732283472" top="0.9055118110236221" bottom="0.74803149606299213" header="0.31496062992125984" footer="0.31496062992125984"/>
  <pageSetup paperSize="9" scale="52" orientation="portrait" r:id="rId1"/>
  <headerFooter>
    <oddHeader>&amp;C&amp;"Arial,Normálne"&amp;16CENOVÁ PONUKA&amp;14
pre prieskum trhu za účelom stanovenia predpokladanej hodnoty zákazky (ďalej aj "PT")</oddHeader>
    <oddFooter>&amp;CStrana &amp;P z &amp;N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5" r:id="rId4" name="Check Box 3">
              <controlPr defaultSize="0" autoFill="0" autoLine="0" autoPict="0">
                <anchor moveWithCells="1">
                  <from>
                    <xdr:col>1</xdr:col>
                    <xdr:colOff>628650</xdr:colOff>
                    <xdr:row>21</xdr:row>
                    <xdr:rowOff>0</xdr:rowOff>
                  </from>
                  <to>
                    <xdr:col>1</xdr:col>
                    <xdr:colOff>885825</xdr:colOff>
                    <xdr:row>21</xdr:row>
                    <xdr:rowOff>2190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5" name="Check Box 4">
              <controlPr defaultSize="0" autoFill="0" autoLine="0" autoPict="0">
                <anchor moveWithCells="1">
                  <from>
                    <xdr:col>1</xdr:col>
                    <xdr:colOff>628650</xdr:colOff>
                    <xdr:row>22</xdr:row>
                    <xdr:rowOff>9525</xdr:rowOff>
                  </from>
                  <to>
                    <xdr:col>1</xdr:col>
                    <xdr:colOff>885825</xdr:colOff>
                    <xdr:row>22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6" name="Check Box 5">
              <controlPr defaultSize="0" autoFill="0" autoLine="0" autoPict="0">
                <anchor moveWithCells="1">
                  <from>
                    <xdr:col>1</xdr:col>
                    <xdr:colOff>628650</xdr:colOff>
                    <xdr:row>27</xdr:row>
                    <xdr:rowOff>9525</xdr:rowOff>
                  </from>
                  <to>
                    <xdr:col>1</xdr:col>
                    <xdr:colOff>885825</xdr:colOff>
                    <xdr:row>27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7" name="Check Box 6">
              <controlPr defaultSize="0" autoFill="0" autoLine="0" autoPict="0">
                <anchor moveWithCells="1">
                  <from>
                    <xdr:col>1</xdr:col>
                    <xdr:colOff>628650</xdr:colOff>
                    <xdr:row>28</xdr:row>
                    <xdr:rowOff>0</xdr:rowOff>
                  </from>
                  <to>
                    <xdr:col>1</xdr:col>
                    <xdr:colOff>885825</xdr:colOff>
                    <xdr:row>29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ácia predmetu PT</vt:lpstr>
      <vt:lpstr>'Špecifikácia predmetu PT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4-03-05T13:47:58Z</cp:lastPrinted>
  <dcterms:created xsi:type="dcterms:W3CDTF">2017-04-21T05:51:15Z</dcterms:created>
  <dcterms:modified xsi:type="dcterms:W3CDTF">2024-11-20T11:02:41Z</dcterms:modified>
</cp:coreProperties>
</file>